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4025\group\003_入選G\01　入選\06　転編入学\02 転編入学者選抜 4.1及び4.11\R6年度\02_R6.4.11付け\03_記者発表\05_HP\web掲載用\"/>
    </mc:Choice>
  </mc:AlternateContent>
  <bookViews>
    <workbookView xWindow="0" yWindow="0" windowWidth="28800" windowHeight="11870"/>
  </bookViews>
  <sheets>
    <sheet name="市立学校" sheetId="2" r:id="rId1"/>
  </sheets>
  <definedNames>
    <definedName name="_xlnm.Print_Area" localSheetId="0">市立学校!$A$1:$J$5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7" uniqueCount="70">
  <si>
    <t>　保護者の転居に伴う県外からの転入者や県内在住で教育的配慮を必要とする特別な事情を有する者等及び海外帰国による編入学者</t>
    <phoneticPr fontId="2"/>
  </si>
  <si>
    <t>学  校  名</t>
  </si>
  <si>
    <t>７ 体育に関する学科</t>
    <rPh sb="2" eb="4">
      <t>タイイク</t>
    </rPh>
    <phoneticPr fontId="2"/>
  </si>
  <si>
    <t>学 科 名</t>
    <rPh sb="0" eb="1">
      <t>ガク</t>
    </rPh>
    <rPh sb="2" eb="3">
      <t>カ</t>
    </rPh>
    <rPh sb="4" eb="5">
      <t>メイ</t>
    </rPh>
    <phoneticPr fontId="2"/>
  </si>
  <si>
    <t>９ 単位制による普通科</t>
    <phoneticPr fontId="2"/>
  </si>
  <si>
    <t>デザイン科</t>
  </si>
  <si>
    <t>単位制普通科</t>
    <rPh sb="0" eb="3">
      <t>タンイセイ</t>
    </rPh>
    <rPh sb="3" eb="6">
      <t>フツウカ</t>
    </rPh>
    <phoneticPr fontId="2"/>
  </si>
  <si>
    <t>別　紙　３</t>
    <rPh sb="0" eb="1">
      <t>ベツ</t>
    </rPh>
    <rPh sb="2" eb="3">
      <t>カミ</t>
    </rPh>
    <phoneticPr fontId="2"/>
  </si>
  <si>
    <t>１ 普通科（単位制を除く）</t>
    <phoneticPr fontId="2"/>
  </si>
  <si>
    <t>８ 国際に関する学科</t>
    <phoneticPr fontId="2"/>
  </si>
  <si>
    <t>地　区　名</t>
    <rPh sb="0" eb="1">
      <t>チ</t>
    </rPh>
    <phoneticPr fontId="2"/>
  </si>
  <si>
    <t>募集学年</t>
    <phoneticPr fontId="2"/>
  </si>
  <si>
    <t>横 浜 中</t>
    <phoneticPr fontId="2"/>
  </si>
  <si>
    <t>横浜市立桜丘</t>
    <phoneticPr fontId="2"/>
  </si>
  <si>
    <t>横浜市立横浜商業</t>
  </si>
  <si>
    <t>国 際 学 科</t>
    <phoneticPr fontId="2"/>
  </si>
  <si>
    <t>横 浜 南</t>
    <rPh sb="0" eb="1">
      <t>ヨコ</t>
    </rPh>
    <rPh sb="2" eb="3">
      <t>ハマ</t>
    </rPh>
    <rPh sb="4" eb="5">
      <t>ミナミ</t>
    </rPh>
    <phoneticPr fontId="2"/>
  </si>
  <si>
    <t>横浜市立南</t>
    <rPh sb="0" eb="4">
      <t>ヨコハマシリツ</t>
    </rPh>
    <rPh sb="4" eb="5">
      <t>ミナミ</t>
    </rPh>
    <phoneticPr fontId="2"/>
  </si>
  <si>
    <t>川崎市立橘</t>
  </si>
  <si>
    <t>国  際  科</t>
    <phoneticPr fontId="2"/>
  </si>
  <si>
    <t>横浜市立金沢</t>
    <rPh sb="0" eb="1">
      <t>ヨコ</t>
    </rPh>
    <rPh sb="1" eb="2">
      <t>ハマ</t>
    </rPh>
    <rPh sb="2" eb="3">
      <t>シ</t>
    </rPh>
    <rPh sb="3" eb="4">
      <t>リツ</t>
    </rPh>
    <rPh sb="4" eb="6">
      <t>カナザワ</t>
    </rPh>
    <phoneticPr fontId="2"/>
  </si>
  <si>
    <t>川崎市立川崎</t>
  </si>
  <si>
    <t>募集の有無</t>
    <rPh sb="3" eb="5">
      <t>ウム</t>
    </rPh>
    <phoneticPr fontId="2"/>
  </si>
  <si>
    <t>川崎市立高津</t>
  </si>
  <si>
    <t>川崎市立幸</t>
    <rPh sb="0" eb="2">
      <t>カワサキ</t>
    </rPh>
    <rPh sb="2" eb="4">
      <t>イチリツ</t>
    </rPh>
    <rPh sb="4" eb="5">
      <t>サイワ</t>
    </rPh>
    <phoneticPr fontId="2"/>
  </si>
  <si>
    <t>横浜市立東</t>
  </si>
  <si>
    <t>普　通　科</t>
  </si>
  <si>
    <t>横浜市立戸塚</t>
  </si>
  <si>
    <t>普　通　科（一般ｺｰｽ）</t>
    <rPh sb="6" eb="8">
      <t>イッパン</t>
    </rPh>
    <phoneticPr fontId="2"/>
  </si>
  <si>
    <t>２ 工業に関する学科</t>
    <phoneticPr fontId="2"/>
  </si>
  <si>
    <t>普　通　科（音楽ｺｰｽ）</t>
    <rPh sb="6" eb="8">
      <t>オンガク</t>
    </rPh>
    <phoneticPr fontId="2"/>
  </si>
  <si>
    <t>10 単位制による総合学科</t>
    <phoneticPr fontId="2"/>
  </si>
  <si>
    <t>川崎市立川崎総合科学</t>
    <phoneticPr fontId="2"/>
  </si>
  <si>
    <t>情報工学科</t>
  </si>
  <si>
    <t>総合電気科</t>
  </si>
  <si>
    <t>電子機械科</t>
  </si>
  <si>
    <t>横浜市立みなと総合</t>
    <rPh sb="7" eb="9">
      <t>ソウゴウ</t>
    </rPh>
    <phoneticPr fontId="2"/>
  </si>
  <si>
    <t>総 合 学 科</t>
    <phoneticPr fontId="2"/>
  </si>
  <si>
    <t>建設工学科</t>
  </si>
  <si>
    <t>横須賀市立横須賀総合</t>
  </si>
  <si>
    <t>11 単位制による理数に関する学科</t>
    <rPh sb="9" eb="11">
      <t>リスウ</t>
    </rPh>
    <rPh sb="12" eb="13">
      <t>カン</t>
    </rPh>
    <rPh sb="15" eb="17">
      <t>ガッカ</t>
    </rPh>
    <phoneticPr fontId="2"/>
  </si>
  <si>
    <t>３ 商業に関する学科</t>
    <phoneticPr fontId="2"/>
  </si>
  <si>
    <t>横浜市立横浜ｻｲｴﾝｽﾌﾛﾝﾃｨｱ</t>
    <rPh sb="4" eb="6">
      <t>ヨコハマ</t>
    </rPh>
    <phoneticPr fontId="2"/>
  </si>
  <si>
    <t>理　数　科</t>
    <rPh sb="0" eb="1">
      <t>リ</t>
    </rPh>
    <rPh sb="2" eb="3">
      <t>カズ</t>
    </rPh>
    <phoneticPr fontId="2"/>
  </si>
  <si>
    <t>横浜市立横浜商業</t>
    <rPh sb="4" eb="6">
      <t>ヨコハマ</t>
    </rPh>
    <rPh sb="6" eb="8">
      <t>ショウギョウ</t>
    </rPh>
    <phoneticPr fontId="2"/>
  </si>
  <si>
    <t>商  業  科</t>
  </si>
  <si>
    <t>ｽﾎﾟｰﾂﾏﾈｼﾞﾒﾝﾄ科</t>
    <rPh sb="12" eb="13">
      <t>カ</t>
    </rPh>
    <phoneticPr fontId="2"/>
  </si>
  <si>
    <t>12 海外帰国生徒特別募集</t>
    <phoneticPr fontId="2"/>
  </si>
  <si>
    <t>川崎市立幸</t>
    <rPh sb="4" eb="5">
      <t>サイワ</t>
    </rPh>
    <phoneticPr fontId="2"/>
  </si>
  <si>
    <t>ビジネス教養科</t>
    <rPh sb="4" eb="6">
      <t>キョウヨウ</t>
    </rPh>
    <rPh sb="6" eb="7">
      <t>カ</t>
    </rPh>
    <phoneticPr fontId="2"/>
  </si>
  <si>
    <t>４ 家庭に関する学科</t>
    <phoneticPr fontId="2"/>
  </si>
  <si>
    <t>13 在県外国人等特別募集</t>
    <rPh sb="8" eb="9">
      <t>トウ</t>
    </rPh>
    <phoneticPr fontId="2"/>
  </si>
  <si>
    <t>生活科学科</t>
  </si>
  <si>
    <t>５ 福祉に関する学科</t>
    <phoneticPr fontId="2"/>
  </si>
  <si>
    <t>国　際　学　科</t>
    <rPh sb="0" eb="1">
      <t>クニ</t>
    </rPh>
    <rPh sb="2" eb="3">
      <t>サイ</t>
    </rPh>
    <rPh sb="4" eb="5">
      <t>マナ</t>
    </rPh>
    <phoneticPr fontId="2"/>
  </si>
  <si>
    <t>福  祉  科</t>
  </si>
  <si>
    <t>単位制総合学科</t>
    <rPh sb="0" eb="2">
      <t>タンイ</t>
    </rPh>
    <rPh sb="2" eb="3">
      <t>セイ</t>
    </rPh>
    <rPh sb="3" eb="5">
      <t>ソウゴウ</t>
    </rPh>
    <rPh sb="5" eb="7">
      <t>ガッカ</t>
    </rPh>
    <phoneticPr fontId="2"/>
  </si>
  <si>
    <t>６ 理数に関する学科</t>
    <phoneticPr fontId="2"/>
  </si>
  <si>
    <t>川崎市立川崎総合科学</t>
    <rPh sb="4" eb="6">
      <t>カワサキ</t>
    </rPh>
    <rPh sb="6" eb="8">
      <t>ソウゴウ</t>
    </rPh>
    <rPh sb="8" eb="10">
      <t>カガク</t>
    </rPh>
    <phoneticPr fontId="2"/>
  </si>
  <si>
    <t>科  学  科</t>
  </si>
  <si>
    <t>スポーツ科</t>
  </si>
  <si>
    <t>川　　崎</t>
  </si>
  <si>
    <t>対象者</t>
    <rPh sb="0" eb="3">
      <t>タイショウシャ</t>
    </rPh>
    <phoneticPr fontId="2"/>
  </si>
  <si>
    <t>募集学年</t>
    <rPh sb="2" eb="4">
      <t>ガクネン</t>
    </rPh>
    <phoneticPr fontId="2"/>
  </si>
  <si>
    <t>令和６年４月11日付け市立高等学校転入学・編入学者選抜実施計画（全日制の課程）</t>
    <rPh sb="0" eb="2">
      <t>レイワ</t>
    </rPh>
    <rPh sb="3" eb="4">
      <t>ネン</t>
    </rPh>
    <rPh sb="4" eb="5">
      <t>ヘイネン</t>
    </rPh>
    <rPh sb="5" eb="6">
      <t>ガツ</t>
    </rPh>
    <rPh sb="8" eb="9">
      <t>ニチ</t>
    </rPh>
    <rPh sb="9" eb="10">
      <t>ヅ</t>
    </rPh>
    <rPh sb="11" eb="12">
      <t>シ</t>
    </rPh>
    <rPh sb="12" eb="13">
      <t>リツ</t>
    </rPh>
    <phoneticPr fontId="2"/>
  </si>
  <si>
    <t>（令和６年３月19日現在）</t>
    <rPh sb="1" eb="3">
      <t>レイワ</t>
    </rPh>
    <rPh sb="4" eb="5">
      <t>ネン</t>
    </rPh>
    <rPh sb="6" eb="7">
      <t>ガツ</t>
    </rPh>
    <rPh sb="9" eb="10">
      <t>ヒ</t>
    </rPh>
    <rPh sb="10" eb="12">
      <t>ゲンザイ</t>
    </rPh>
    <phoneticPr fontId="2"/>
  </si>
  <si>
    <t>1,2,3</t>
  </si>
  <si>
    <t>2,3</t>
  </si>
  <si>
    <t>2,3</t>
    <phoneticPr fontId="2"/>
  </si>
  <si>
    <t>有</t>
    <rPh sb="0" eb="1">
      <t>アリ</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14"/>
      <name val="ＭＳ 明朝"/>
      <family val="1"/>
      <charset val="128"/>
    </font>
    <font>
      <sz val="6"/>
      <name val="ＭＳ Ｐゴシック"/>
      <family val="3"/>
      <charset val="128"/>
    </font>
    <font>
      <sz val="11"/>
      <name val="ＭＳ 明朝"/>
      <family val="1"/>
      <charset val="128"/>
    </font>
    <font>
      <sz val="10"/>
      <name val="ＭＳ 明朝"/>
      <family val="1"/>
      <charset val="128"/>
    </font>
  </fonts>
  <fills count="3">
    <fill>
      <patternFill patternType="none"/>
    </fill>
    <fill>
      <patternFill patternType="gray125"/>
    </fill>
    <fill>
      <patternFill patternType="solid">
        <fgColor theme="0"/>
        <bgColor indexed="64"/>
      </patternFill>
    </fill>
  </fills>
  <borders count="24">
    <border>
      <left/>
      <right/>
      <top/>
      <bottom/>
      <diagonal/>
    </border>
    <border>
      <left style="thin">
        <color indexed="64"/>
      </left>
      <right style="thin">
        <color indexed="64"/>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diagonal/>
    </border>
    <border>
      <left/>
      <right/>
      <top/>
      <bottom style="thin">
        <color indexed="64"/>
      </bottom>
      <diagonal/>
    </border>
    <border>
      <left/>
      <right style="thin">
        <color indexed="64"/>
      </right>
      <top style="thin">
        <color indexed="64"/>
      </top>
      <bottom/>
      <diagonal/>
    </border>
    <border>
      <left style="thin">
        <color indexed="64"/>
      </left>
      <right style="thin">
        <color indexed="64"/>
      </right>
      <top style="dashed">
        <color indexed="64"/>
      </top>
      <bottom style="thin">
        <color indexed="64"/>
      </bottom>
      <diagonal/>
    </border>
    <border>
      <left/>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s>
  <cellStyleXfs count="1">
    <xf numFmtId="0" fontId="0" fillId="0" borderId="0"/>
  </cellStyleXfs>
  <cellXfs count="60">
    <xf numFmtId="0" fontId="0" fillId="0" borderId="0" xfId="0"/>
    <xf numFmtId="0" fontId="3" fillId="2" borderId="0" xfId="0" applyFont="1" applyFill="1" applyBorder="1" applyAlignment="1">
      <alignment horizontal="center" vertical="center"/>
    </xf>
    <xf numFmtId="0" fontId="3" fillId="2" borderId="2" xfId="0" applyFont="1" applyFill="1" applyBorder="1" applyAlignment="1">
      <alignment vertical="center"/>
    </xf>
    <xf numFmtId="0" fontId="3" fillId="2" borderId="3" xfId="0" applyFont="1" applyFill="1" applyBorder="1" applyAlignment="1">
      <alignment vertical="center"/>
    </xf>
    <xf numFmtId="0" fontId="3" fillId="2" borderId="3" xfId="0" applyFont="1" applyFill="1" applyBorder="1" applyAlignment="1">
      <alignment horizontal="center" vertical="center"/>
    </xf>
    <xf numFmtId="0" fontId="3" fillId="2" borderId="3" xfId="0" applyFont="1" applyFill="1" applyBorder="1" applyAlignment="1">
      <alignment horizontal="left" vertical="center"/>
    </xf>
    <xf numFmtId="0" fontId="3" fillId="2" borderId="4" xfId="0" applyFont="1" applyFill="1" applyBorder="1" applyAlignment="1">
      <alignment vertical="center"/>
    </xf>
    <xf numFmtId="0" fontId="1" fillId="0" borderId="1" xfId="0" applyFont="1" applyFill="1" applyBorder="1" applyAlignment="1">
      <alignment horizontal="center" vertical="center"/>
    </xf>
    <xf numFmtId="0" fontId="3" fillId="0" borderId="0" xfId="0" applyFont="1" applyFill="1"/>
    <xf numFmtId="0" fontId="3" fillId="0" borderId="0" xfId="0" applyFont="1" applyFill="1" applyAlignment="1">
      <alignment horizontal="center"/>
    </xf>
    <xf numFmtId="0" fontId="3" fillId="0" borderId="0" xfId="0" applyFont="1" applyFill="1" applyAlignment="1">
      <alignment horizontal="center" vertical="center"/>
    </xf>
    <xf numFmtId="0" fontId="4" fillId="0" borderId="0" xfId="0" applyFont="1" applyFill="1"/>
    <xf numFmtId="0" fontId="3" fillId="0" borderId="3" xfId="0" applyFont="1" applyFill="1" applyBorder="1" applyAlignment="1">
      <alignment vertical="center"/>
    </xf>
    <xf numFmtId="0" fontId="3" fillId="0" borderId="5" xfId="0" applyFont="1" applyFill="1" applyBorder="1" applyAlignment="1">
      <alignment vertical="center"/>
    </xf>
    <xf numFmtId="0" fontId="3" fillId="0" borderId="0" xfId="0" applyFont="1" applyFill="1" applyBorder="1" applyAlignment="1">
      <alignment vertical="center"/>
    </xf>
    <xf numFmtId="0" fontId="4" fillId="0" borderId="0" xfId="0" applyFont="1" applyFill="1" applyAlignment="1">
      <alignment vertical="center"/>
    </xf>
    <xf numFmtId="0" fontId="3" fillId="0" borderId="0" xfId="0" applyFont="1" applyFill="1" applyAlignment="1">
      <alignment vertical="center"/>
    </xf>
    <xf numFmtId="0" fontId="3" fillId="0" borderId="7" xfId="0" applyFont="1" applyFill="1" applyBorder="1" applyAlignment="1">
      <alignment vertical="center"/>
    </xf>
    <xf numFmtId="0" fontId="3" fillId="0" borderId="8" xfId="0" applyFont="1" applyFill="1" applyBorder="1" applyAlignment="1">
      <alignment vertical="center"/>
    </xf>
    <xf numFmtId="0" fontId="4" fillId="0" borderId="16" xfId="0" applyFont="1" applyFill="1" applyBorder="1" applyAlignment="1">
      <alignment vertical="center"/>
    </xf>
    <xf numFmtId="0" fontId="4" fillId="0" borderId="9" xfId="0" applyFont="1" applyFill="1" applyBorder="1" applyAlignment="1">
      <alignment vertical="top"/>
    </xf>
    <xf numFmtId="0" fontId="4" fillId="0" borderId="14" xfId="0" applyFont="1" applyFill="1" applyBorder="1" applyAlignment="1">
      <alignment horizontal="left" vertical="center"/>
    </xf>
    <xf numFmtId="0" fontId="4" fillId="0" borderId="1" xfId="0" applyFont="1" applyFill="1" applyBorder="1" applyAlignment="1">
      <alignment horizontal="left" vertical="center"/>
    </xf>
    <xf numFmtId="0" fontId="4" fillId="0" borderId="1" xfId="0" applyFont="1" applyFill="1" applyBorder="1" applyAlignment="1">
      <alignment vertical="center"/>
    </xf>
    <xf numFmtId="0" fontId="4" fillId="0" borderId="9" xfId="0" applyFont="1" applyFill="1" applyBorder="1" applyAlignment="1">
      <alignment vertical="center"/>
    </xf>
    <xf numFmtId="0" fontId="4" fillId="0" borderId="0" xfId="0" applyFont="1" applyFill="1" applyBorder="1" applyAlignment="1">
      <alignment vertical="center"/>
    </xf>
    <xf numFmtId="0" fontId="4" fillId="0" borderId="18" xfId="0" applyFont="1" applyFill="1" applyBorder="1" applyAlignment="1">
      <alignment vertical="center"/>
    </xf>
    <xf numFmtId="0" fontId="4" fillId="0" borderId="19" xfId="0" applyFont="1" applyFill="1" applyBorder="1" applyAlignment="1">
      <alignment vertical="center"/>
    </xf>
    <xf numFmtId="0" fontId="4" fillId="0" borderId="9" xfId="0" applyFont="1" applyFill="1" applyBorder="1" applyAlignment="1">
      <alignment horizontal="left" vertical="center"/>
    </xf>
    <xf numFmtId="0" fontId="4" fillId="0" borderId="12" xfId="0" applyFont="1" applyFill="1" applyBorder="1" applyAlignment="1">
      <alignment vertical="center"/>
    </xf>
    <xf numFmtId="0" fontId="4" fillId="0" borderId="12" xfId="0" applyFont="1" applyFill="1" applyBorder="1" applyAlignment="1">
      <alignment horizontal="left" vertical="center"/>
    </xf>
    <xf numFmtId="0" fontId="4" fillId="0" borderId="21" xfId="0" applyFont="1" applyFill="1" applyBorder="1" applyAlignment="1">
      <alignment vertical="center"/>
    </xf>
    <xf numFmtId="0" fontId="4" fillId="0" borderId="14" xfId="0" applyFont="1" applyFill="1" applyBorder="1" applyAlignment="1">
      <alignment vertical="top"/>
    </xf>
    <xf numFmtId="0" fontId="4" fillId="0" borderId="12" xfId="0" applyFont="1" applyFill="1" applyBorder="1" applyAlignment="1">
      <alignment vertical="top"/>
    </xf>
    <xf numFmtId="0" fontId="3" fillId="2" borderId="5" xfId="0" applyFont="1" applyFill="1" applyBorder="1" applyAlignment="1">
      <alignment vertical="center"/>
    </xf>
    <xf numFmtId="0" fontId="3" fillId="2" borderId="0" xfId="0" applyFont="1" applyFill="1" applyBorder="1" applyAlignment="1">
      <alignment vertical="center"/>
    </xf>
    <xf numFmtId="0" fontId="3" fillId="2" borderId="6" xfId="0" applyFont="1" applyFill="1" applyBorder="1" applyAlignment="1">
      <alignment vertical="center"/>
    </xf>
    <xf numFmtId="0" fontId="3" fillId="0" borderId="0" xfId="0" applyFont="1" applyFill="1" applyBorder="1"/>
    <xf numFmtId="0" fontId="3" fillId="2" borderId="10" xfId="0" applyFont="1" applyFill="1" applyBorder="1" applyAlignment="1">
      <alignment horizontal="center" vertical="center"/>
    </xf>
    <xf numFmtId="0" fontId="3" fillId="2" borderId="11" xfId="0" applyFont="1" applyFill="1" applyBorder="1" applyAlignment="1">
      <alignment horizontal="center" vertical="center"/>
    </xf>
    <xf numFmtId="0" fontId="3" fillId="2" borderId="5" xfId="0" applyFont="1" applyFill="1" applyBorder="1" applyAlignment="1">
      <alignment vertical="center"/>
    </xf>
    <xf numFmtId="0" fontId="3" fillId="2" borderId="0" xfId="0" applyFont="1" applyFill="1" applyBorder="1" applyAlignment="1">
      <alignment vertical="center"/>
    </xf>
    <xf numFmtId="0" fontId="3" fillId="2" borderId="6" xfId="0" applyFont="1" applyFill="1" applyBorder="1" applyAlignment="1">
      <alignment vertical="center"/>
    </xf>
    <xf numFmtId="0" fontId="4" fillId="0" borderId="15" xfId="0" applyFont="1" applyFill="1" applyBorder="1" applyAlignment="1">
      <alignment horizontal="center" vertical="center"/>
    </xf>
    <xf numFmtId="0" fontId="4" fillId="0" borderId="17" xfId="0" applyFont="1" applyFill="1" applyBorder="1" applyAlignment="1">
      <alignment horizontal="center" vertical="center"/>
    </xf>
    <xf numFmtId="0" fontId="4" fillId="0" borderId="13" xfId="0" applyFont="1" applyFill="1" applyBorder="1" applyAlignment="1">
      <alignment horizontal="center" vertical="center"/>
    </xf>
    <xf numFmtId="0" fontId="4" fillId="0" borderId="20" xfId="0" applyFont="1" applyFill="1" applyBorder="1" applyAlignment="1">
      <alignment horizontal="center" vertical="center"/>
    </xf>
    <xf numFmtId="0" fontId="3" fillId="0" borderId="10" xfId="0" applyFont="1" applyFill="1" applyBorder="1" applyAlignment="1">
      <alignment horizontal="center" vertical="center"/>
    </xf>
    <xf numFmtId="0" fontId="3" fillId="0" borderId="11" xfId="0" applyFont="1" applyFill="1" applyBorder="1" applyAlignment="1">
      <alignment horizontal="center" vertical="center"/>
    </xf>
    <xf numFmtId="0" fontId="4" fillId="0" borderId="9" xfId="0" applyFont="1" applyFill="1" applyBorder="1" applyAlignment="1">
      <alignment horizontal="center" vertical="center"/>
    </xf>
    <xf numFmtId="0" fontId="4" fillId="0" borderId="12" xfId="0" applyFont="1" applyFill="1" applyBorder="1" applyAlignment="1">
      <alignment horizontal="center" vertical="center"/>
    </xf>
    <xf numFmtId="0" fontId="4" fillId="0" borderId="14" xfId="0" applyFont="1" applyFill="1" applyBorder="1" applyAlignment="1">
      <alignment horizontal="center" vertical="center"/>
    </xf>
    <xf numFmtId="0" fontId="4" fillId="0" borderId="15" xfId="0" applyFont="1" applyFill="1" applyBorder="1" applyAlignment="1">
      <alignment horizontal="center" vertical="center" wrapText="1"/>
    </xf>
    <xf numFmtId="0" fontId="4" fillId="0" borderId="22" xfId="0" applyFont="1" applyFill="1" applyBorder="1" applyAlignment="1">
      <alignment horizontal="center" vertical="center"/>
    </xf>
    <xf numFmtId="0" fontId="4" fillId="0" borderId="23" xfId="0" applyFont="1" applyFill="1" applyBorder="1" applyAlignment="1">
      <alignment horizontal="center" vertical="center"/>
    </xf>
    <xf numFmtId="0" fontId="4" fillId="0" borderId="9" xfId="0" applyFont="1" applyFill="1" applyBorder="1" applyAlignment="1">
      <alignment horizontal="left" vertical="top"/>
    </xf>
    <xf numFmtId="0" fontId="4" fillId="0" borderId="12" xfId="0" applyFont="1" applyFill="1" applyBorder="1" applyAlignment="1">
      <alignment horizontal="left" vertical="top"/>
    </xf>
    <xf numFmtId="0" fontId="4" fillId="0" borderId="9" xfId="0" applyFont="1" applyFill="1" applyBorder="1" applyAlignment="1">
      <alignment horizontal="left" vertical="center"/>
    </xf>
    <xf numFmtId="0" fontId="4" fillId="0" borderId="12" xfId="0" applyFont="1" applyFill="1" applyBorder="1" applyAlignment="1">
      <alignment horizontal="left" vertical="center"/>
    </xf>
    <xf numFmtId="0" fontId="3" fillId="0" borderId="3" xfId="0" applyFont="1" applyFill="1" applyBorder="1" applyAlignment="1">
      <alignment horizontal="righ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94"/>
  <sheetViews>
    <sheetView tabSelected="1" zoomScaleNormal="100" zoomScaleSheetLayoutView="115" workbookViewId="0">
      <selection activeCell="H44" sqref="H44:I44"/>
    </sheetView>
  </sheetViews>
  <sheetFormatPr defaultColWidth="9" defaultRowHeight="13" x14ac:dyDescent="0.2"/>
  <cols>
    <col min="1" max="1" width="23" style="8" customWidth="1"/>
    <col min="2" max="2" width="20.1796875" style="8" customWidth="1"/>
    <col min="3" max="4" width="8.36328125" style="8" customWidth="1"/>
    <col min="5" max="5" width="5.36328125" style="8" customWidth="1"/>
    <col min="6" max="6" width="23" style="8" customWidth="1"/>
    <col min="7" max="7" width="20.6328125" style="8" customWidth="1"/>
    <col min="8" max="9" width="8.36328125" style="8" customWidth="1"/>
    <col min="10" max="10" width="3.453125" style="8" customWidth="1"/>
    <col min="11" max="16384" width="9" style="8"/>
  </cols>
  <sheetData>
    <row r="1" spans="1:14" ht="35.25" customHeight="1" x14ac:dyDescent="0.2">
      <c r="A1" s="7" t="s">
        <v>7</v>
      </c>
      <c r="D1" s="9"/>
      <c r="I1" s="10"/>
    </row>
    <row r="2" spans="1:14" ht="17.25" customHeight="1" x14ac:dyDescent="0.2">
      <c r="A2" s="8" t="s">
        <v>64</v>
      </c>
      <c r="B2" s="11"/>
      <c r="C2" s="11"/>
      <c r="D2" s="11"/>
    </row>
    <row r="3" spans="1:14" ht="13.5" thickBot="1" x14ac:dyDescent="0.25">
      <c r="A3" s="11"/>
      <c r="B3" s="11"/>
      <c r="C3" s="11"/>
      <c r="D3" s="11"/>
      <c r="E3" s="37"/>
      <c r="F3" s="37"/>
    </row>
    <row r="4" spans="1:14" s="15" customFormat="1" ht="15.75" customHeight="1" thickTop="1" x14ac:dyDescent="0.2">
      <c r="A4" s="2" t="s">
        <v>62</v>
      </c>
      <c r="B4" s="3"/>
      <c r="C4" s="4"/>
      <c r="D4" s="4"/>
      <c r="E4" s="3"/>
      <c r="F4" s="5"/>
      <c r="G4" s="3"/>
      <c r="H4" s="3"/>
      <c r="I4" s="6"/>
      <c r="J4" s="13"/>
      <c r="K4" s="14"/>
      <c r="L4" s="14"/>
    </row>
    <row r="5" spans="1:14" s="16" customFormat="1" ht="18" customHeight="1" x14ac:dyDescent="0.2">
      <c r="A5" s="40" t="s">
        <v>0</v>
      </c>
      <c r="B5" s="41"/>
      <c r="C5" s="41"/>
      <c r="D5" s="41"/>
      <c r="E5" s="41"/>
      <c r="F5" s="41"/>
      <c r="G5" s="41"/>
      <c r="H5" s="41"/>
      <c r="I5" s="42"/>
      <c r="J5" s="13"/>
      <c r="K5" s="14"/>
      <c r="L5" s="14"/>
      <c r="M5" s="14"/>
      <c r="N5" s="14"/>
    </row>
    <row r="6" spans="1:14" s="15" customFormat="1" ht="16" customHeight="1" x14ac:dyDescent="0.2">
      <c r="A6" s="34"/>
      <c r="B6" s="35"/>
      <c r="C6" s="1"/>
      <c r="D6" s="1"/>
      <c r="E6" s="35"/>
      <c r="F6" s="35"/>
      <c r="G6" s="35"/>
      <c r="H6" s="35"/>
      <c r="I6" s="36"/>
      <c r="J6" s="13"/>
      <c r="K6" s="14"/>
      <c r="L6" s="14"/>
    </row>
    <row r="7" spans="1:14" s="15" customFormat="1" ht="3.75" customHeight="1" thickBot="1" x14ac:dyDescent="0.25">
      <c r="A7" s="17"/>
      <c r="B7" s="18"/>
      <c r="C7" s="18"/>
      <c r="D7" s="18"/>
      <c r="E7" s="18"/>
      <c r="F7" s="18"/>
      <c r="G7" s="18"/>
      <c r="H7" s="18"/>
      <c r="I7" s="18"/>
      <c r="J7" s="13"/>
      <c r="K7" s="14"/>
      <c r="L7" s="14"/>
    </row>
    <row r="8" spans="1:14" s="15" customFormat="1" ht="16.5" customHeight="1" thickTop="1" x14ac:dyDescent="0.2">
      <c r="A8" s="11"/>
      <c r="B8" s="11"/>
      <c r="C8" s="11"/>
      <c r="D8" s="12"/>
      <c r="E8" s="11"/>
      <c r="F8" s="11"/>
      <c r="G8" s="59" t="s">
        <v>65</v>
      </c>
      <c r="H8" s="59"/>
      <c r="I8" s="59"/>
      <c r="J8" s="14"/>
      <c r="K8" s="14"/>
      <c r="L8" s="14"/>
    </row>
    <row r="9" spans="1:14" s="15" customFormat="1" ht="18" customHeight="1" x14ac:dyDescent="0.2">
      <c r="A9" s="15" t="s">
        <v>8</v>
      </c>
      <c r="D9" s="19"/>
      <c r="E9" s="8"/>
      <c r="F9" s="15" t="s">
        <v>9</v>
      </c>
      <c r="G9" s="19"/>
      <c r="H9" s="19"/>
      <c r="I9" s="19"/>
      <c r="J9" s="14"/>
      <c r="K9" s="14"/>
      <c r="L9" s="14"/>
    </row>
    <row r="10" spans="1:14" ht="18.5" customHeight="1" x14ac:dyDescent="0.2">
      <c r="A10" s="49" t="s">
        <v>10</v>
      </c>
      <c r="B10" s="49" t="s">
        <v>1</v>
      </c>
      <c r="C10" s="43" t="s">
        <v>11</v>
      </c>
      <c r="D10" s="44"/>
      <c r="F10" s="49" t="s">
        <v>1</v>
      </c>
      <c r="G10" s="49" t="s">
        <v>3</v>
      </c>
      <c r="H10" s="43" t="s">
        <v>11</v>
      </c>
      <c r="I10" s="44"/>
    </row>
    <row r="11" spans="1:14" ht="18.5" customHeight="1" x14ac:dyDescent="0.2">
      <c r="A11" s="50"/>
      <c r="B11" s="50"/>
      <c r="C11" s="45"/>
      <c r="D11" s="46"/>
      <c r="F11" s="50"/>
      <c r="G11" s="50"/>
      <c r="H11" s="45"/>
      <c r="I11" s="46"/>
    </row>
    <row r="12" spans="1:14" ht="18.5" customHeight="1" x14ac:dyDescent="0.2">
      <c r="A12" s="20" t="s">
        <v>12</v>
      </c>
      <c r="B12" s="21" t="s">
        <v>13</v>
      </c>
      <c r="C12" s="38" t="s">
        <v>66</v>
      </c>
      <c r="D12" s="39"/>
      <c r="F12" s="22" t="s">
        <v>14</v>
      </c>
      <c r="G12" s="22" t="s">
        <v>15</v>
      </c>
      <c r="H12" s="47" t="s">
        <v>67</v>
      </c>
      <c r="I12" s="48"/>
    </row>
    <row r="13" spans="1:14" ht="18.5" customHeight="1" x14ac:dyDescent="0.2">
      <c r="A13" s="55" t="s">
        <v>16</v>
      </c>
      <c r="B13" s="22" t="s">
        <v>17</v>
      </c>
      <c r="C13" s="38" t="s">
        <v>66</v>
      </c>
      <c r="D13" s="39"/>
      <c r="F13" s="23" t="s">
        <v>18</v>
      </c>
      <c r="G13" s="23" t="s">
        <v>19</v>
      </c>
      <c r="H13" s="38" t="s">
        <v>66</v>
      </c>
      <c r="I13" s="39"/>
    </row>
    <row r="14" spans="1:14" ht="18.5" customHeight="1" x14ac:dyDescent="0.2">
      <c r="A14" s="56"/>
      <c r="B14" s="24" t="s">
        <v>20</v>
      </c>
      <c r="C14" s="38" t="s">
        <v>66</v>
      </c>
      <c r="D14" s="39"/>
    </row>
    <row r="15" spans="1:14" ht="18.5" customHeight="1" x14ac:dyDescent="0.2">
      <c r="A15" s="32" t="s">
        <v>61</v>
      </c>
      <c r="B15" s="23" t="s">
        <v>18</v>
      </c>
      <c r="C15" s="38" t="s">
        <v>66</v>
      </c>
      <c r="D15" s="39"/>
      <c r="F15" s="25" t="s">
        <v>4</v>
      </c>
      <c r="G15" s="25"/>
      <c r="H15" s="25"/>
      <c r="I15" s="25"/>
    </row>
    <row r="16" spans="1:14" ht="18.5" customHeight="1" x14ac:dyDescent="0.2">
      <c r="A16" s="32"/>
      <c r="B16" s="23" t="s">
        <v>23</v>
      </c>
      <c r="C16" s="38" t="s">
        <v>66</v>
      </c>
      <c r="D16" s="39"/>
      <c r="F16" s="49" t="s">
        <v>1</v>
      </c>
      <c r="G16" s="49" t="s">
        <v>3</v>
      </c>
      <c r="H16" s="43" t="s">
        <v>22</v>
      </c>
      <c r="I16" s="44"/>
    </row>
    <row r="17" spans="1:9" ht="18.5" customHeight="1" x14ac:dyDescent="0.2">
      <c r="A17" s="33"/>
      <c r="B17" s="23" t="s">
        <v>24</v>
      </c>
      <c r="C17" s="38" t="s">
        <v>66</v>
      </c>
      <c r="D17" s="39"/>
      <c r="F17" s="50"/>
      <c r="G17" s="50"/>
      <c r="H17" s="45"/>
      <c r="I17" s="46"/>
    </row>
    <row r="18" spans="1:9" ht="18.5" customHeight="1" x14ac:dyDescent="0.2">
      <c r="F18" s="23" t="s">
        <v>25</v>
      </c>
      <c r="G18" s="23" t="s">
        <v>26</v>
      </c>
      <c r="H18" s="47" t="s">
        <v>69</v>
      </c>
      <c r="I18" s="48"/>
    </row>
    <row r="19" spans="1:9" ht="18.5" customHeight="1" x14ac:dyDescent="0.2">
      <c r="A19" s="15" t="s">
        <v>29</v>
      </c>
      <c r="B19" s="15"/>
      <c r="C19" s="15"/>
      <c r="D19" s="15"/>
      <c r="F19" s="57" t="s">
        <v>27</v>
      </c>
      <c r="G19" s="24" t="s">
        <v>28</v>
      </c>
      <c r="H19" s="47" t="s">
        <v>69</v>
      </c>
      <c r="I19" s="48"/>
    </row>
    <row r="20" spans="1:9" ht="18.5" customHeight="1" x14ac:dyDescent="0.2">
      <c r="A20" s="49" t="s">
        <v>1</v>
      </c>
      <c r="B20" s="49" t="s">
        <v>3</v>
      </c>
      <c r="C20" s="43" t="s">
        <v>11</v>
      </c>
      <c r="D20" s="44"/>
      <c r="F20" s="58"/>
      <c r="G20" s="26" t="s">
        <v>30</v>
      </c>
      <c r="H20" s="47" t="s">
        <v>69</v>
      </c>
      <c r="I20" s="48"/>
    </row>
    <row r="21" spans="1:9" ht="18.5" customHeight="1" x14ac:dyDescent="0.2">
      <c r="A21" s="50"/>
      <c r="B21" s="50"/>
      <c r="C21" s="45"/>
      <c r="D21" s="46"/>
      <c r="F21" s="27"/>
      <c r="G21" s="27"/>
      <c r="H21" s="27"/>
      <c r="I21" s="27"/>
    </row>
    <row r="22" spans="1:9" ht="18.5" customHeight="1" x14ac:dyDescent="0.2">
      <c r="A22" s="28" t="s">
        <v>32</v>
      </c>
      <c r="B22" s="23" t="s">
        <v>33</v>
      </c>
      <c r="C22" s="38" t="s">
        <v>66</v>
      </c>
      <c r="D22" s="39"/>
      <c r="F22" s="15" t="s">
        <v>31</v>
      </c>
      <c r="G22" s="15"/>
      <c r="H22" s="15"/>
      <c r="I22" s="15"/>
    </row>
    <row r="23" spans="1:9" ht="18.5" customHeight="1" x14ac:dyDescent="0.2">
      <c r="A23" s="21"/>
      <c r="B23" s="23" t="s">
        <v>34</v>
      </c>
      <c r="C23" s="38" t="s">
        <v>66</v>
      </c>
      <c r="D23" s="39"/>
      <c r="F23" s="49" t="s">
        <v>1</v>
      </c>
      <c r="G23" s="49" t="s">
        <v>3</v>
      </c>
      <c r="H23" s="43" t="s">
        <v>22</v>
      </c>
      <c r="I23" s="44"/>
    </row>
    <row r="24" spans="1:9" ht="18.5" customHeight="1" x14ac:dyDescent="0.2">
      <c r="A24" s="21"/>
      <c r="B24" s="23" t="s">
        <v>35</v>
      </c>
      <c r="C24" s="38" t="s">
        <v>66</v>
      </c>
      <c r="D24" s="39"/>
      <c r="F24" s="50"/>
      <c r="G24" s="50"/>
      <c r="H24" s="45"/>
      <c r="I24" s="46"/>
    </row>
    <row r="25" spans="1:9" ht="18.5" customHeight="1" x14ac:dyDescent="0.2">
      <c r="A25" s="21"/>
      <c r="B25" s="23" t="s">
        <v>38</v>
      </c>
      <c r="C25" s="38" t="s">
        <v>66</v>
      </c>
      <c r="D25" s="39"/>
      <c r="F25" s="23" t="s">
        <v>36</v>
      </c>
      <c r="G25" s="23" t="s">
        <v>37</v>
      </c>
      <c r="H25" s="47" t="s">
        <v>69</v>
      </c>
      <c r="I25" s="48"/>
    </row>
    <row r="26" spans="1:9" ht="18.5" customHeight="1" x14ac:dyDescent="0.2">
      <c r="A26" s="30"/>
      <c r="B26" s="23" t="s">
        <v>5</v>
      </c>
      <c r="C26" s="38" t="s">
        <v>66</v>
      </c>
      <c r="D26" s="39"/>
      <c r="F26" s="23" t="s">
        <v>39</v>
      </c>
      <c r="G26" s="29" t="s">
        <v>37</v>
      </c>
      <c r="H26" s="47" t="s">
        <v>69</v>
      </c>
      <c r="I26" s="48"/>
    </row>
    <row r="27" spans="1:9" ht="18.5" customHeight="1" x14ac:dyDescent="0.2">
      <c r="A27" s="15"/>
      <c r="B27" s="15"/>
      <c r="C27" s="15"/>
      <c r="D27" s="15"/>
      <c r="F27" s="25"/>
      <c r="G27" s="25"/>
      <c r="H27" s="25"/>
      <c r="I27" s="25"/>
    </row>
    <row r="28" spans="1:9" ht="18.5" customHeight="1" x14ac:dyDescent="0.2">
      <c r="A28" s="15" t="s">
        <v>41</v>
      </c>
      <c r="B28" s="15"/>
      <c r="C28" s="15"/>
      <c r="D28" s="15"/>
      <c r="F28" s="15" t="s">
        <v>40</v>
      </c>
      <c r="G28" s="15"/>
      <c r="H28" s="15"/>
      <c r="I28" s="15"/>
    </row>
    <row r="29" spans="1:9" ht="18.5" customHeight="1" x14ac:dyDescent="0.2">
      <c r="A29" s="49" t="s">
        <v>1</v>
      </c>
      <c r="B29" s="49" t="s">
        <v>3</v>
      </c>
      <c r="C29" s="43" t="s">
        <v>11</v>
      </c>
      <c r="D29" s="44"/>
      <c r="F29" s="49" t="s">
        <v>1</v>
      </c>
      <c r="G29" s="49" t="s">
        <v>3</v>
      </c>
      <c r="H29" s="43" t="s">
        <v>22</v>
      </c>
      <c r="I29" s="44"/>
    </row>
    <row r="30" spans="1:9" ht="18.5" customHeight="1" x14ac:dyDescent="0.2">
      <c r="A30" s="50"/>
      <c r="B30" s="50"/>
      <c r="C30" s="45"/>
      <c r="D30" s="46"/>
      <c r="F30" s="50"/>
      <c r="G30" s="50"/>
      <c r="H30" s="45"/>
      <c r="I30" s="46"/>
    </row>
    <row r="31" spans="1:9" ht="18.5" customHeight="1" x14ac:dyDescent="0.2">
      <c r="A31" s="28" t="s">
        <v>44</v>
      </c>
      <c r="B31" s="23" t="s">
        <v>45</v>
      </c>
      <c r="C31" s="38" t="s">
        <v>68</v>
      </c>
      <c r="D31" s="39"/>
      <c r="F31" s="23" t="s">
        <v>42</v>
      </c>
      <c r="G31" s="23" t="s">
        <v>43</v>
      </c>
      <c r="H31" s="47" t="s">
        <v>69</v>
      </c>
      <c r="I31" s="48"/>
    </row>
    <row r="32" spans="1:9" ht="18.5" customHeight="1" x14ac:dyDescent="0.2">
      <c r="A32" s="30"/>
      <c r="B32" s="29" t="s">
        <v>46</v>
      </c>
      <c r="C32" s="38" t="s">
        <v>68</v>
      </c>
      <c r="D32" s="39"/>
      <c r="F32" s="25"/>
      <c r="G32" s="25"/>
      <c r="H32" s="25"/>
      <c r="I32" s="25"/>
    </row>
    <row r="33" spans="1:9" ht="18.5" customHeight="1" x14ac:dyDescent="0.2">
      <c r="A33" s="23" t="s">
        <v>48</v>
      </c>
      <c r="B33" s="23" t="s">
        <v>49</v>
      </c>
      <c r="C33" s="38" t="s">
        <v>66</v>
      </c>
      <c r="D33" s="39"/>
      <c r="F33" s="15" t="s">
        <v>47</v>
      </c>
      <c r="G33" s="15"/>
      <c r="H33" s="15"/>
      <c r="I33" s="15"/>
    </row>
    <row r="34" spans="1:9" ht="18.5" customHeight="1" x14ac:dyDescent="0.2">
      <c r="C34" s="9"/>
      <c r="D34" s="9"/>
      <c r="F34" s="49" t="s">
        <v>1</v>
      </c>
      <c r="G34" s="49" t="s">
        <v>3</v>
      </c>
      <c r="H34" s="52" t="s">
        <v>22</v>
      </c>
      <c r="I34" s="44"/>
    </row>
    <row r="35" spans="1:9" ht="18.5" customHeight="1" x14ac:dyDescent="0.2">
      <c r="A35" s="15" t="s">
        <v>50</v>
      </c>
      <c r="B35" s="15"/>
      <c r="C35" s="15"/>
      <c r="D35" s="15"/>
      <c r="F35" s="50"/>
      <c r="G35" s="50"/>
      <c r="H35" s="45"/>
      <c r="I35" s="46"/>
    </row>
    <row r="36" spans="1:9" ht="18.5" customHeight="1" x14ac:dyDescent="0.2">
      <c r="A36" s="49" t="s">
        <v>1</v>
      </c>
      <c r="B36" s="49" t="s">
        <v>3</v>
      </c>
      <c r="C36" s="43" t="s">
        <v>11</v>
      </c>
      <c r="D36" s="44"/>
      <c r="F36" s="23" t="s">
        <v>25</v>
      </c>
      <c r="G36" s="23" t="s">
        <v>6</v>
      </c>
      <c r="H36" s="47" t="s">
        <v>69</v>
      </c>
      <c r="I36" s="48"/>
    </row>
    <row r="37" spans="1:9" ht="18.5" customHeight="1" x14ac:dyDescent="0.2">
      <c r="A37" s="50"/>
      <c r="B37" s="50"/>
      <c r="C37" s="45"/>
      <c r="D37" s="46"/>
      <c r="F37" s="15"/>
      <c r="G37" s="15"/>
      <c r="H37" s="15"/>
      <c r="I37" s="15"/>
    </row>
    <row r="38" spans="1:9" ht="18.5" customHeight="1" x14ac:dyDescent="0.2">
      <c r="A38" s="23" t="s">
        <v>21</v>
      </c>
      <c r="B38" s="23" t="s">
        <v>52</v>
      </c>
      <c r="C38" s="38" t="s">
        <v>66</v>
      </c>
      <c r="D38" s="39"/>
      <c r="F38" s="15" t="s">
        <v>51</v>
      </c>
      <c r="G38" s="15"/>
      <c r="H38" s="15"/>
      <c r="I38" s="15"/>
    </row>
    <row r="39" spans="1:9" ht="18.5" customHeight="1" x14ac:dyDescent="0.2">
      <c r="A39" s="15"/>
      <c r="B39" s="15"/>
      <c r="C39" s="15"/>
      <c r="D39" s="15"/>
      <c r="F39" s="49" t="s">
        <v>1</v>
      </c>
      <c r="G39" s="49" t="s">
        <v>3</v>
      </c>
      <c r="H39" s="52" t="s">
        <v>63</v>
      </c>
      <c r="I39" s="44"/>
    </row>
    <row r="40" spans="1:9" ht="18.5" customHeight="1" x14ac:dyDescent="0.2">
      <c r="A40" s="15" t="s">
        <v>53</v>
      </c>
      <c r="B40" s="15"/>
      <c r="C40" s="15"/>
      <c r="D40" s="15"/>
      <c r="F40" s="50"/>
      <c r="G40" s="50"/>
      <c r="H40" s="45"/>
      <c r="I40" s="46"/>
    </row>
    <row r="41" spans="1:9" ht="18.5" customHeight="1" thickBot="1" x14ac:dyDescent="0.25">
      <c r="A41" s="49" t="s">
        <v>1</v>
      </c>
      <c r="B41" s="49" t="s">
        <v>3</v>
      </c>
      <c r="C41" s="43" t="s">
        <v>11</v>
      </c>
      <c r="D41" s="44"/>
      <c r="F41" s="31" t="s">
        <v>44</v>
      </c>
      <c r="G41" s="31" t="s">
        <v>54</v>
      </c>
      <c r="H41" s="53">
        <v>2</v>
      </c>
      <c r="I41" s="54"/>
    </row>
    <row r="42" spans="1:9" ht="18.5" customHeight="1" thickTop="1" x14ac:dyDescent="0.2">
      <c r="A42" s="50"/>
      <c r="B42" s="50"/>
      <c r="C42" s="45"/>
      <c r="D42" s="46"/>
      <c r="F42" s="51" t="s">
        <v>1</v>
      </c>
      <c r="G42" s="51" t="s">
        <v>3</v>
      </c>
      <c r="H42" s="52" t="s">
        <v>22</v>
      </c>
      <c r="I42" s="44"/>
    </row>
    <row r="43" spans="1:9" ht="18.5" customHeight="1" x14ac:dyDescent="0.2">
      <c r="A43" s="23" t="s">
        <v>21</v>
      </c>
      <c r="B43" s="23" t="s">
        <v>55</v>
      </c>
      <c r="C43" s="38" t="s">
        <v>66</v>
      </c>
      <c r="D43" s="39"/>
      <c r="F43" s="50"/>
      <c r="G43" s="50"/>
      <c r="H43" s="45"/>
      <c r="I43" s="46"/>
    </row>
    <row r="44" spans="1:9" ht="18.5" customHeight="1" x14ac:dyDescent="0.2">
      <c r="A44" s="15"/>
      <c r="B44" s="15"/>
      <c r="C44" s="15"/>
      <c r="D44" s="15"/>
      <c r="F44" s="23" t="s">
        <v>36</v>
      </c>
      <c r="G44" s="23" t="s">
        <v>56</v>
      </c>
      <c r="H44" s="47" t="s">
        <v>69</v>
      </c>
      <c r="I44" s="48"/>
    </row>
    <row r="45" spans="1:9" ht="18.5" customHeight="1" x14ac:dyDescent="0.2">
      <c r="A45" s="15" t="s">
        <v>57</v>
      </c>
      <c r="B45" s="15"/>
      <c r="C45" s="15"/>
      <c r="D45" s="15"/>
    </row>
    <row r="46" spans="1:9" ht="18.5" customHeight="1" x14ac:dyDescent="0.2">
      <c r="A46" s="49" t="s">
        <v>1</v>
      </c>
      <c r="B46" s="49" t="s">
        <v>3</v>
      </c>
      <c r="C46" s="43" t="s">
        <v>11</v>
      </c>
      <c r="D46" s="44"/>
    </row>
    <row r="47" spans="1:9" ht="18.5" customHeight="1" x14ac:dyDescent="0.2">
      <c r="A47" s="50"/>
      <c r="B47" s="50"/>
      <c r="C47" s="45"/>
      <c r="D47" s="46"/>
    </row>
    <row r="48" spans="1:9" ht="18.5" customHeight="1" x14ac:dyDescent="0.2">
      <c r="A48" s="23" t="s">
        <v>58</v>
      </c>
      <c r="B48" s="23" t="s">
        <v>59</v>
      </c>
      <c r="C48" s="38" t="s">
        <v>66</v>
      </c>
      <c r="D48" s="39"/>
    </row>
    <row r="49" spans="1:4" ht="18.5" customHeight="1" x14ac:dyDescent="0.2">
      <c r="A49" s="15"/>
      <c r="B49" s="15"/>
      <c r="C49" s="15"/>
      <c r="D49" s="15"/>
    </row>
    <row r="50" spans="1:4" ht="18.5" customHeight="1" x14ac:dyDescent="0.2">
      <c r="A50" s="15" t="s">
        <v>2</v>
      </c>
      <c r="B50" s="15"/>
      <c r="C50" s="15"/>
      <c r="D50" s="15"/>
    </row>
    <row r="51" spans="1:4" ht="18.5" customHeight="1" x14ac:dyDescent="0.2">
      <c r="A51" s="49" t="s">
        <v>1</v>
      </c>
      <c r="B51" s="49" t="s">
        <v>3</v>
      </c>
      <c r="C51" s="43" t="s">
        <v>11</v>
      </c>
      <c r="D51" s="44"/>
    </row>
    <row r="52" spans="1:4" ht="18.5" customHeight="1" x14ac:dyDescent="0.2">
      <c r="A52" s="50"/>
      <c r="B52" s="50"/>
      <c r="C52" s="45"/>
      <c r="D52" s="46"/>
    </row>
    <row r="53" spans="1:4" ht="18.5" customHeight="1" x14ac:dyDescent="0.2">
      <c r="A53" s="23" t="s">
        <v>18</v>
      </c>
      <c r="B53" s="23" t="s">
        <v>60</v>
      </c>
      <c r="C53" s="38" t="s">
        <v>66</v>
      </c>
      <c r="D53" s="39"/>
    </row>
    <row r="54" spans="1:4" ht="18.5" customHeight="1" x14ac:dyDescent="0.2">
      <c r="A54" s="25"/>
      <c r="B54" s="25"/>
      <c r="C54" s="25"/>
      <c r="D54" s="25"/>
    </row>
    <row r="55" spans="1:4" ht="18.5" customHeight="1" x14ac:dyDescent="0.2"/>
    <row r="56" spans="1:4" ht="18.5" customHeight="1" x14ac:dyDescent="0.2"/>
    <row r="57" spans="1:4" ht="18.5" customHeight="1" x14ac:dyDescent="0.2"/>
    <row r="58" spans="1:4" ht="18" customHeight="1" x14ac:dyDescent="0.2"/>
    <row r="59" spans="1:4" ht="18" customHeight="1" x14ac:dyDescent="0.2"/>
    <row r="60" spans="1:4" ht="18" customHeight="1" x14ac:dyDescent="0.2">
      <c r="A60" s="25"/>
      <c r="B60" s="25"/>
      <c r="C60" s="25"/>
      <c r="D60" s="25"/>
    </row>
    <row r="61" spans="1:4" ht="18" customHeight="1" x14ac:dyDescent="0.2"/>
    <row r="62" spans="1:4" ht="18" customHeight="1" x14ac:dyDescent="0.2"/>
    <row r="63" spans="1:4" ht="18" customHeight="1" x14ac:dyDescent="0.2"/>
    <row r="64" spans="1:4" ht="18" customHeight="1" x14ac:dyDescent="0.2"/>
    <row r="65" spans="1:4" ht="18" customHeight="1" x14ac:dyDescent="0.2"/>
    <row r="66" spans="1:4" ht="18" customHeight="1" x14ac:dyDescent="0.2"/>
    <row r="67" spans="1:4" ht="18" customHeight="1" x14ac:dyDescent="0.2"/>
    <row r="68" spans="1:4" ht="18" customHeight="1" x14ac:dyDescent="0.2">
      <c r="A68" s="25"/>
      <c r="B68" s="25"/>
      <c r="C68" s="25"/>
      <c r="D68" s="25"/>
    </row>
    <row r="69" spans="1:4" ht="18" customHeight="1" x14ac:dyDescent="0.2"/>
    <row r="70" spans="1:4" ht="18" customHeight="1" x14ac:dyDescent="0.2"/>
    <row r="71" spans="1:4" ht="18" customHeight="1" x14ac:dyDescent="0.2"/>
    <row r="72" spans="1:4" ht="18" customHeight="1" x14ac:dyDescent="0.2"/>
    <row r="73" spans="1:4" ht="18" customHeight="1" x14ac:dyDescent="0.2"/>
    <row r="82" ht="13.5" customHeight="1" x14ac:dyDescent="0.2"/>
    <row r="83" ht="17.25" customHeight="1" x14ac:dyDescent="0.2"/>
    <row r="84" ht="17.25" customHeight="1" x14ac:dyDescent="0.2"/>
    <row r="89" ht="18.75" customHeight="1" x14ac:dyDescent="0.2"/>
    <row r="94" ht="16.5" customHeight="1" x14ac:dyDescent="0.2"/>
  </sheetData>
  <mergeCells count="75">
    <mergeCell ref="G8:I8"/>
    <mergeCell ref="A10:A11"/>
    <mergeCell ref="B10:B11"/>
    <mergeCell ref="F10:F11"/>
    <mergeCell ref="G10:G11"/>
    <mergeCell ref="C10:D11"/>
    <mergeCell ref="H10:I11"/>
    <mergeCell ref="A13:A14"/>
    <mergeCell ref="F16:F17"/>
    <mergeCell ref="G16:G17"/>
    <mergeCell ref="F19:F20"/>
    <mergeCell ref="A20:A21"/>
    <mergeCell ref="B20:B21"/>
    <mergeCell ref="C15:D15"/>
    <mergeCell ref="C16:D16"/>
    <mergeCell ref="C17:D17"/>
    <mergeCell ref="C20:D21"/>
    <mergeCell ref="G29:G30"/>
    <mergeCell ref="A29:A30"/>
    <mergeCell ref="B29:B30"/>
    <mergeCell ref="C29:D30"/>
    <mergeCell ref="H29:I30"/>
    <mergeCell ref="F29:F30"/>
    <mergeCell ref="A51:A52"/>
    <mergeCell ref="B51:B52"/>
    <mergeCell ref="F39:F40"/>
    <mergeCell ref="C36:D37"/>
    <mergeCell ref="C41:D42"/>
    <mergeCell ref="C46:D47"/>
    <mergeCell ref="C43:D43"/>
    <mergeCell ref="A41:A42"/>
    <mergeCell ref="B41:B42"/>
    <mergeCell ref="F42:F43"/>
    <mergeCell ref="A5:I5"/>
    <mergeCell ref="H44:I44"/>
    <mergeCell ref="A46:A47"/>
    <mergeCell ref="B46:B47"/>
    <mergeCell ref="H39:I40"/>
    <mergeCell ref="H41:I41"/>
    <mergeCell ref="H42:I43"/>
    <mergeCell ref="F34:F35"/>
    <mergeCell ref="G34:G35"/>
    <mergeCell ref="H34:I35"/>
    <mergeCell ref="H36:I36"/>
    <mergeCell ref="A36:A37"/>
    <mergeCell ref="B36:B37"/>
    <mergeCell ref="C12:D12"/>
    <mergeCell ref="C13:D13"/>
    <mergeCell ref="C14:D14"/>
    <mergeCell ref="C25:D25"/>
    <mergeCell ref="C26:D26"/>
    <mergeCell ref="H12:I12"/>
    <mergeCell ref="H13:I13"/>
    <mergeCell ref="H18:I18"/>
    <mergeCell ref="H19:I19"/>
    <mergeCell ref="H20:I20"/>
    <mergeCell ref="H25:I25"/>
    <mergeCell ref="H26:I26"/>
    <mergeCell ref="F23:F24"/>
    <mergeCell ref="G23:G24"/>
    <mergeCell ref="H16:I17"/>
    <mergeCell ref="H23:I24"/>
    <mergeCell ref="C22:D22"/>
    <mergeCell ref="C23:D23"/>
    <mergeCell ref="C24:D24"/>
    <mergeCell ref="C53:D53"/>
    <mergeCell ref="C51:D52"/>
    <mergeCell ref="C48:D48"/>
    <mergeCell ref="H31:I31"/>
    <mergeCell ref="C31:D31"/>
    <mergeCell ref="C32:D32"/>
    <mergeCell ref="C33:D33"/>
    <mergeCell ref="C38:D38"/>
    <mergeCell ref="G39:G40"/>
    <mergeCell ref="G42:G43"/>
  </mergeCells>
  <phoneticPr fontId="2"/>
  <pageMargins left="0.47244094488188981" right="0.31496062992125984" top="0.51181102362204722" bottom="0.59055118110236227" header="0.31496062992125984" footer="0.31496062992125984"/>
  <pageSetup paperSize="9" scale="72" firstPageNumber="4" orientation="portrait" useFirstPageNumber="1" r:id="rId1"/>
  <headerFooter alignWithMargins="0"/>
  <rowBreaks count="2" manualBreakCount="2">
    <brk id="60" max="6" man="1"/>
    <brk id="69" max="6"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市立学校</vt:lpstr>
      <vt:lpstr>市立学校!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3-25T02:30:53Z</cp:lastPrinted>
  <dcterms:created xsi:type="dcterms:W3CDTF">2022-02-21T10:11:50Z</dcterms:created>
  <dcterms:modified xsi:type="dcterms:W3CDTF">2024-03-25T02:31:13Z</dcterms:modified>
</cp:coreProperties>
</file>